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76" d="100"/>
          <a:sy n="76" d="100"/>
        </p:scale>
        <p:origin x="96" y="26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oetermee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9C325F2F-6F6E-B536-CD70-CF66B12E898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73022" y="5383472"/>
            <a:ext cx="2287573" cy="128561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C9ADBFA3-1479-3507-9AA5-565E1F1025E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18018" y="4419600"/>
            <a:ext cx="1541397" cy="86626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7-11T10:23:57Z</dcterms:modified>
</cp:coreProperties>
</file>